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ontfoor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40D9EA8A-7FFE-0BC6-5F44-BF980F8182F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67300"/>
            <a:ext cx="2104863" cy="140604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4BF4AA33-A8FF-3E91-5D65-45FA74AD4B5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6886" y="4172783"/>
            <a:ext cx="1505489" cy="100566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16T09:16:22Z</dcterms:modified>
</cp:coreProperties>
</file>